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_HP掲載データ\R3.8月(9月1日現在)\"/>
    </mc:Choice>
  </mc:AlternateContent>
  <xr:revisionPtr revIDLastSave="0" documentId="13_ncr:1_{31BEE83A-9989-4522-ABF4-FED74EFC203C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82" uniqueCount="6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デンマーク</t>
  </si>
  <si>
    <t>令和 3年 8月31日</t>
  </si>
  <si>
    <t>チェコ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7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6</v>
      </c>
    </row>
    <row r="4" spans="1:5" ht="21" x14ac:dyDescent="0.4">
      <c r="A4" s="4" t="s">
        <v>56</v>
      </c>
      <c r="D4" s="13" t="s">
        <v>57</v>
      </c>
      <c r="E4" s="3" t="s">
        <v>66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9</v>
      </c>
      <c r="C12" s="11">
        <v>31</v>
      </c>
      <c r="D12" s="12">
        <v>48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5</v>
      </c>
      <c r="C14" s="11">
        <v>11</v>
      </c>
      <c r="D14" s="12">
        <v>4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9</v>
      </c>
      <c r="C18" s="11">
        <v>8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52</v>
      </c>
      <c r="C20" s="11">
        <v>69</v>
      </c>
      <c r="D20" s="12">
        <v>83</v>
      </c>
      <c r="E20" s="7"/>
    </row>
    <row r="21" spans="1:5" ht="25.15" customHeight="1" x14ac:dyDescent="0.4">
      <c r="A21" s="7" t="s">
        <v>14</v>
      </c>
      <c r="B21" s="8">
        <v>45</v>
      </c>
      <c r="C21" s="11">
        <v>22</v>
      </c>
      <c r="D21" s="12">
        <v>23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7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65</v>
      </c>
      <c r="B25" s="8">
        <v>1</v>
      </c>
      <c r="C25" s="11">
        <v>1</v>
      </c>
      <c r="D25" s="12">
        <v>0</v>
      </c>
      <c r="E25" s="7"/>
    </row>
    <row r="26" spans="1:5" ht="25.15" customHeight="1" x14ac:dyDescent="0.4">
      <c r="A26" s="7" t="s">
        <v>16</v>
      </c>
      <c r="B26" s="8">
        <v>9</v>
      </c>
      <c r="C26" s="11">
        <v>7</v>
      </c>
      <c r="D26" s="12">
        <v>2</v>
      </c>
      <c r="E26" s="7"/>
    </row>
    <row r="27" spans="1:5" ht="25.15" customHeight="1" x14ac:dyDescent="0.4">
      <c r="A27" s="7" t="s">
        <v>17</v>
      </c>
      <c r="B27" s="8">
        <v>4</v>
      </c>
      <c r="C27" s="11">
        <v>3</v>
      </c>
      <c r="D27" s="12">
        <v>1</v>
      </c>
      <c r="E27" s="7"/>
    </row>
    <row r="28" spans="1:5" ht="25.15" customHeight="1" x14ac:dyDescent="0.4">
      <c r="A28" s="7" t="s">
        <v>18</v>
      </c>
      <c r="B28" s="8">
        <v>2</v>
      </c>
      <c r="C28" s="11">
        <v>2</v>
      </c>
      <c r="D28" s="12">
        <v>0</v>
      </c>
      <c r="E28" s="7"/>
    </row>
    <row r="29" spans="1:5" ht="25.15" customHeight="1" x14ac:dyDescent="0.4">
      <c r="A29" s="7" t="s">
        <v>19</v>
      </c>
      <c r="B29" s="8">
        <v>69</v>
      </c>
      <c r="C29" s="11">
        <v>51</v>
      </c>
      <c r="D29" s="12">
        <v>18</v>
      </c>
      <c r="E29" s="7"/>
    </row>
    <row r="30" spans="1:5" ht="25.15" customHeight="1" x14ac:dyDescent="0.4">
      <c r="A30" s="7" t="s">
        <v>20</v>
      </c>
      <c r="B30" s="8">
        <v>35</v>
      </c>
      <c r="C30" s="11">
        <v>28</v>
      </c>
      <c r="D30" s="12">
        <v>7</v>
      </c>
      <c r="E30" s="7"/>
    </row>
    <row r="31" spans="1:5" ht="25.15" customHeight="1" x14ac:dyDescent="0.4">
      <c r="A31" s="7" t="s">
        <v>62</v>
      </c>
      <c r="B31" s="8">
        <v>3</v>
      </c>
      <c r="C31" s="11">
        <v>2</v>
      </c>
      <c r="D31" s="12">
        <v>1</v>
      </c>
      <c r="E31" s="7"/>
    </row>
    <row r="32" spans="1:5" ht="25.15" customHeight="1" x14ac:dyDescent="0.4">
      <c r="A32" s="7" t="s">
        <v>21</v>
      </c>
      <c r="B32" s="8">
        <v>1</v>
      </c>
      <c r="C32" s="11">
        <v>1</v>
      </c>
      <c r="D32" s="12">
        <v>0</v>
      </c>
      <c r="E32" s="7"/>
    </row>
    <row r="33" spans="1:5" ht="25.15" customHeight="1" x14ac:dyDescent="0.4">
      <c r="A33" s="7" t="s">
        <v>22</v>
      </c>
      <c r="B33" s="8">
        <v>2</v>
      </c>
      <c r="C33" s="11">
        <v>1</v>
      </c>
      <c r="D33" s="12">
        <v>1</v>
      </c>
      <c r="E33" s="7"/>
    </row>
    <row r="34" spans="1:5" ht="25.15" customHeight="1" x14ac:dyDescent="0.4">
      <c r="A34" s="7" t="s">
        <v>23</v>
      </c>
      <c r="B34" s="8">
        <v>3</v>
      </c>
      <c r="C34" s="11">
        <v>3</v>
      </c>
      <c r="D34" s="12">
        <v>0</v>
      </c>
      <c r="E34" s="7"/>
    </row>
    <row r="35" spans="1:5" ht="25.15" customHeight="1" x14ac:dyDescent="0.4">
      <c r="A35" s="7" t="s">
        <v>24</v>
      </c>
      <c r="B35" s="8">
        <v>4</v>
      </c>
      <c r="C35" s="11">
        <v>0</v>
      </c>
      <c r="D35" s="12">
        <v>4</v>
      </c>
      <c r="E35" s="7"/>
    </row>
    <row r="36" spans="1:5" ht="25.15" customHeight="1" x14ac:dyDescent="0.4">
      <c r="A36" s="7" t="s">
        <v>25</v>
      </c>
      <c r="B36" s="8">
        <v>1</v>
      </c>
      <c r="C36" s="11">
        <v>1</v>
      </c>
      <c r="D36" s="12">
        <v>0</v>
      </c>
      <c r="E36" s="7"/>
    </row>
    <row r="37" spans="1:5" ht="25.15" customHeight="1" x14ac:dyDescent="0.4">
      <c r="A37" s="7" t="s">
        <v>26</v>
      </c>
      <c r="B37" s="8">
        <v>105</v>
      </c>
      <c r="C37" s="11">
        <v>56</v>
      </c>
      <c r="D37" s="12">
        <v>49</v>
      </c>
      <c r="E37" s="7"/>
    </row>
    <row r="38" spans="1:5" ht="25.15" customHeight="1" x14ac:dyDescent="0.4">
      <c r="A38" s="7" t="s">
        <v>27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60</v>
      </c>
      <c r="B39" s="8">
        <v>1</v>
      </c>
      <c r="C39" s="11">
        <v>0</v>
      </c>
      <c r="D39" s="12">
        <v>1</v>
      </c>
      <c r="E39" s="7"/>
    </row>
    <row r="40" spans="1:5" ht="25.15" customHeight="1" x14ac:dyDescent="0.4">
      <c r="A40" s="7" t="s">
        <v>28</v>
      </c>
      <c r="B40" s="8">
        <v>4</v>
      </c>
      <c r="C40" s="11">
        <v>3</v>
      </c>
      <c r="D40" s="12">
        <v>1</v>
      </c>
      <c r="E40" s="7"/>
    </row>
    <row r="41" spans="1:5" ht="25.15" customHeight="1" x14ac:dyDescent="0.4">
      <c r="A41" s="7" t="s">
        <v>29</v>
      </c>
      <c r="B41" s="8">
        <v>3</v>
      </c>
      <c r="C41" s="11">
        <v>2</v>
      </c>
      <c r="D41" s="12">
        <v>1</v>
      </c>
      <c r="E41" s="7"/>
    </row>
    <row r="42" spans="1:5" ht="25.15" customHeight="1" x14ac:dyDescent="0.4">
      <c r="A42" s="7" t="s">
        <v>30</v>
      </c>
      <c r="B42" s="8">
        <v>3</v>
      </c>
      <c r="C42" s="11">
        <v>3</v>
      </c>
      <c r="D42" s="12">
        <v>0</v>
      </c>
      <c r="E42" s="7"/>
    </row>
    <row r="43" spans="1:5" ht="25.15" customHeight="1" x14ac:dyDescent="0.4">
      <c r="A43" s="7" t="s">
        <v>31</v>
      </c>
      <c r="B43" s="8">
        <v>11</v>
      </c>
      <c r="C43" s="11">
        <v>9</v>
      </c>
      <c r="D43" s="12">
        <v>2</v>
      </c>
      <c r="E43" s="7"/>
    </row>
    <row r="44" spans="1:5" ht="25.15" customHeight="1" x14ac:dyDescent="0.4">
      <c r="A44" s="7" t="s">
        <v>32</v>
      </c>
      <c r="B44" s="8">
        <v>1</v>
      </c>
      <c r="C44" s="11">
        <v>0</v>
      </c>
      <c r="D44" s="12">
        <v>1</v>
      </c>
      <c r="E44" s="7"/>
    </row>
    <row r="45" spans="1:5" ht="25.15" customHeight="1" x14ac:dyDescent="0.4">
      <c r="A45" s="7" t="s">
        <v>33</v>
      </c>
      <c r="B45" s="8">
        <v>4</v>
      </c>
      <c r="C45" s="11">
        <v>4</v>
      </c>
      <c r="D45" s="12">
        <v>0</v>
      </c>
      <c r="E45" s="7"/>
    </row>
    <row r="46" spans="1:5" ht="25.15" customHeight="1" x14ac:dyDescent="0.4">
      <c r="A46" s="7" t="s">
        <v>34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5</v>
      </c>
      <c r="B47" s="8">
        <v>63</v>
      </c>
      <c r="C47" s="11">
        <v>30</v>
      </c>
      <c r="D47" s="12">
        <v>33</v>
      </c>
      <c r="E47" s="7"/>
    </row>
    <row r="48" spans="1:5" ht="25.15" customHeight="1" x14ac:dyDescent="0.4">
      <c r="A48" s="7" t="s">
        <v>36</v>
      </c>
      <c r="B48" s="8">
        <v>338</v>
      </c>
      <c r="C48" s="11">
        <v>146</v>
      </c>
      <c r="D48" s="12">
        <v>192</v>
      </c>
      <c r="E48" s="7"/>
    </row>
    <row r="49" spans="1:5" ht="25.15" customHeight="1" x14ac:dyDescent="0.4">
      <c r="A49" s="7" t="s">
        <v>37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8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39</v>
      </c>
      <c r="B51" s="8">
        <v>7</v>
      </c>
      <c r="C51" s="11">
        <v>2</v>
      </c>
      <c r="D51" s="12">
        <v>5</v>
      </c>
      <c r="E51" s="7"/>
    </row>
    <row r="52" spans="1:5" ht="25.15" customHeight="1" x14ac:dyDescent="0.4">
      <c r="A52" s="7" t="s">
        <v>40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1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2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63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3</v>
      </c>
      <c r="B56" s="8">
        <v>6</v>
      </c>
      <c r="C56" s="11">
        <v>3</v>
      </c>
      <c r="D56" s="12">
        <v>3</v>
      </c>
      <c r="E56" s="7"/>
    </row>
    <row r="57" spans="1:5" ht="25.15" customHeight="1" x14ac:dyDescent="0.4">
      <c r="A57" s="7" t="s">
        <v>44</v>
      </c>
      <c r="B57" s="8">
        <v>22</v>
      </c>
      <c r="C57" s="11">
        <v>14</v>
      </c>
      <c r="D57" s="12">
        <v>8</v>
      </c>
      <c r="E57" s="7"/>
    </row>
    <row r="58" spans="1:5" ht="25.15" customHeight="1" x14ac:dyDescent="0.4">
      <c r="A58" s="7" t="s">
        <v>45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46</v>
      </c>
      <c r="B59" s="8">
        <v>14</v>
      </c>
      <c r="C59" s="11">
        <v>8</v>
      </c>
      <c r="D59" s="12">
        <v>6</v>
      </c>
      <c r="E59" s="7"/>
    </row>
    <row r="60" spans="1:5" ht="25.15" customHeight="1" x14ac:dyDescent="0.4">
      <c r="A60" s="7" t="s">
        <v>47</v>
      </c>
      <c r="B60" s="8">
        <v>451</v>
      </c>
      <c r="C60" s="11">
        <v>343</v>
      </c>
      <c r="D60" s="12">
        <v>108</v>
      </c>
      <c r="E60" s="7"/>
    </row>
    <row r="61" spans="1:5" ht="25.15" customHeight="1" x14ac:dyDescent="0.4">
      <c r="A61" s="7" t="s">
        <v>48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49</v>
      </c>
      <c r="B62" s="8">
        <v>239</v>
      </c>
      <c r="C62" s="11">
        <v>204</v>
      </c>
      <c r="D62" s="12">
        <v>35</v>
      </c>
      <c r="E62" s="7"/>
    </row>
    <row r="63" spans="1:5" ht="25.15" customHeight="1" x14ac:dyDescent="0.4">
      <c r="A63" s="7" t="s">
        <v>50</v>
      </c>
      <c r="B63" s="8">
        <v>1</v>
      </c>
      <c r="C63" s="11">
        <v>0</v>
      </c>
      <c r="D63" s="12">
        <v>1</v>
      </c>
      <c r="E63" s="7"/>
    </row>
    <row r="64" spans="1:5" ht="25.15" customHeight="1" x14ac:dyDescent="0.4">
      <c r="A64" s="7" t="s">
        <v>68</v>
      </c>
      <c r="B64" s="8" t="s">
        <v>68</v>
      </c>
      <c r="C64" s="11" t="s">
        <v>68</v>
      </c>
      <c r="D64" s="12" t="s">
        <v>68</v>
      </c>
      <c r="E64" s="7"/>
    </row>
    <row r="65" spans="1:5" ht="25.15" customHeight="1" x14ac:dyDescent="0.4">
      <c r="A65" s="7" t="s">
        <v>68</v>
      </c>
      <c r="B65" s="8" t="s">
        <v>68</v>
      </c>
      <c r="C65" s="11" t="s">
        <v>68</v>
      </c>
      <c r="D65" s="12" t="s">
        <v>68</v>
      </c>
      <c r="E65" s="7"/>
    </row>
    <row r="66" spans="1:5" ht="25.15" customHeight="1" x14ac:dyDescent="0.4">
      <c r="A66" s="7" t="s">
        <v>68</v>
      </c>
      <c r="B66" s="8" t="s">
        <v>68</v>
      </c>
      <c r="C66" s="11" t="s">
        <v>68</v>
      </c>
      <c r="D66" s="12" t="s">
        <v>68</v>
      </c>
      <c r="E66" s="7"/>
    </row>
    <row r="67" spans="1:5" ht="25.15" customHeight="1" x14ac:dyDescent="0.4">
      <c r="A67" s="5" t="s">
        <v>51</v>
      </c>
      <c r="B67" s="8">
        <v>1777</v>
      </c>
      <c r="C67" s="8">
        <v>1107</v>
      </c>
      <c r="D67" s="8">
        <v>670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1-09-01T23:59:33Z</dcterms:modified>
</cp:coreProperties>
</file>